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i2978\Desktop\ファイル交換\R08　会計年度任用職員\01_当初任用\"/>
    </mc:Choice>
  </mc:AlternateContent>
  <xr:revisionPtr revIDLastSave="0" documentId="13_ncr:1_{DD75D78B-77BC-4757-9DDD-DD61E37B3FA0}" xr6:coauthVersionLast="36" xr6:coauthVersionMax="36" xr10:uidLastSave="{00000000-0000-0000-0000-000000000000}"/>
  <bookViews>
    <workbookView xWindow="0" yWindow="0" windowWidth="28800" windowHeight="12285" xr2:uid="{00000000-000D-0000-FFFF-FFFF00000000}"/>
  </bookViews>
  <sheets>
    <sheet name="申込書(A4　継続紙）" sheetId="2" r:id="rId1"/>
  </sheets>
  <calcPr calcId="0"/>
</workbook>
</file>

<file path=xl/sharedStrings.xml><?xml version="1.0" encoding="utf-8"?>
<sst xmlns="http://schemas.openxmlformats.org/spreadsheetml/2006/main" count="193" uniqueCount="28">
  <si>
    <t>※この用紙は佐久市会計年度任用職員任用申込書（履歴書）の履歴・職歴に書ききれない場合に使用してください。</t>
  </si>
  <si>
    <t>佐久市役所での任用履歴</t>
  </si>
  <si>
    <t>職員区分</t>
  </si>
  <si>
    <t>在職期間</t>
  </si>
  <si>
    <t>週の勤務時間</t>
  </si>
  <si>
    <t>任用所属等</t>
  </si>
  <si>
    <t>職務内容</t>
  </si>
  <si>
    <t>昭和・平成・令和</t>
  </si>
  <si>
    <t>年</t>
  </si>
  <si>
    <t>月～</t>
  </si>
  <si>
    <t>月</t>
  </si>
  <si>
    <t>佐久市役所以外での職歴</t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※</t>
  </si>
  <si>
    <t>正規・臨時</t>
  </si>
  <si>
    <t>　</t>
  </si>
  <si>
    <t>在職中</t>
  </si>
  <si>
    <t>派遣・その他（　　　）</t>
  </si>
  <si>
    <t>令和</t>
  </si>
  <si>
    <t>日</t>
  </si>
  <si>
    <t>氏　名</t>
  </si>
  <si>
    <t>　（署名又は記名押印してくださ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sz val="9"/>
      <color theme="1"/>
      <name val="BIZ UDゴシック"/>
      <family val="3"/>
      <charset val="128"/>
    </font>
    <font>
      <sz val="11"/>
      <name val="Calibri"/>
    </font>
    <font>
      <b/>
      <sz val="11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/>
      <top style="medium">
        <color rgb="FF000000"/>
      </top>
      <bottom/>
      <diagonal/>
    </border>
  </borders>
  <cellStyleXfs count="1">
    <xf numFmtId="0" fontId="0" fillId="0" borderId="0"/>
  </cellStyleXfs>
  <cellXfs count="68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1" xfId="0" applyFont="1" applyBorder="1" applyAlignment="1">
      <alignment vertical="center"/>
    </xf>
    <xf numFmtId="0" fontId="1" fillId="0" borderId="18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2" fillId="0" borderId="26" xfId="0" applyFont="1" applyBorder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25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12" xfId="0" applyFont="1" applyBorder="1" applyAlignment="1">
      <alignment vertical="center"/>
    </xf>
    <xf numFmtId="0" fontId="2" fillId="0" borderId="18" xfId="0" applyFont="1" applyBorder="1" applyAlignment="1">
      <alignment vertical="center"/>
    </xf>
    <xf numFmtId="0" fontId="2" fillId="0" borderId="16" xfId="0" applyFont="1" applyBorder="1" applyAlignment="1">
      <alignment horizontal="left" vertical="center"/>
    </xf>
    <xf numFmtId="0" fontId="2" fillId="0" borderId="17" xfId="0" applyFont="1" applyBorder="1" applyAlignment="1">
      <alignment vertical="center"/>
    </xf>
    <xf numFmtId="0" fontId="1" fillId="0" borderId="20" xfId="0" applyFont="1" applyBorder="1" applyAlignment="1">
      <alignment horizontal="center" vertical="center"/>
    </xf>
    <xf numFmtId="0" fontId="2" fillId="0" borderId="22" xfId="0" applyFont="1" applyBorder="1" applyAlignment="1">
      <alignment vertical="center"/>
    </xf>
    <xf numFmtId="0" fontId="2" fillId="0" borderId="1" xfId="0" applyFont="1" applyBorder="1" applyAlignment="1">
      <alignment horizontal="left" vertical="center"/>
    </xf>
    <xf numFmtId="0" fontId="2" fillId="0" borderId="21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/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5" fillId="0" borderId="24" xfId="0" applyFont="1" applyBorder="1" applyAlignment="1">
      <alignment horizontal="center" vertical="center" shrinkToFit="1"/>
    </xf>
    <xf numFmtId="0" fontId="0" fillId="0" borderId="0" xfId="0" applyFont="1" applyAlignment="1">
      <alignment vertical="center"/>
    </xf>
    <xf numFmtId="0" fontId="3" fillId="0" borderId="25" xfId="0" applyFont="1" applyBorder="1" applyAlignment="1">
      <alignment vertical="center"/>
    </xf>
    <xf numFmtId="0" fontId="1" fillId="0" borderId="13" xfId="0" applyFont="1" applyBorder="1" applyAlignment="1">
      <alignment horizontal="left" vertical="center" shrinkToFit="1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2" fillId="0" borderId="11" xfId="0" applyFont="1" applyBorder="1" applyAlignment="1">
      <alignment horizontal="left" vertical="center" shrinkToFit="1"/>
    </xf>
    <xf numFmtId="0" fontId="3" fillId="0" borderId="14" xfId="0" applyFont="1" applyBorder="1" applyAlignment="1">
      <alignment vertical="center"/>
    </xf>
    <xf numFmtId="0" fontId="2" fillId="0" borderId="18" xfId="0" applyFont="1" applyBorder="1" applyAlignment="1">
      <alignment horizontal="center" vertical="center" shrinkToFit="1"/>
    </xf>
    <xf numFmtId="0" fontId="3" fillId="0" borderId="19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2" fillId="0" borderId="22" xfId="0" applyFont="1" applyBorder="1" applyAlignment="1">
      <alignment horizontal="center" vertical="center" shrinkToFit="1"/>
    </xf>
    <xf numFmtId="0" fontId="3" fillId="0" borderId="23" xfId="0" applyFont="1" applyBorder="1" applyAlignment="1">
      <alignment vertical="center"/>
    </xf>
    <xf numFmtId="0" fontId="4" fillId="0" borderId="8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vertical="center" shrinkToFit="1"/>
    </xf>
    <xf numFmtId="0" fontId="4" fillId="0" borderId="2" xfId="0" applyFont="1" applyBorder="1" applyAlignment="1">
      <alignment horizontal="left" vertical="center" shrinkToFit="1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4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vertical="center"/>
    </xf>
    <xf numFmtId="0" fontId="1" fillId="0" borderId="16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shrinkToFit="1"/>
    </xf>
    <xf numFmtId="0" fontId="3" fillId="0" borderId="15" xfId="0" applyFont="1" applyBorder="1" applyAlignment="1">
      <alignment vertical="center"/>
    </xf>
    <xf numFmtId="0" fontId="1" fillId="0" borderId="10" xfId="0" applyFont="1" applyBorder="1" applyAlignment="1">
      <alignment horizontal="center" vertical="center"/>
    </xf>
    <xf numFmtId="0" fontId="3" fillId="0" borderId="20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0" fontId="2" fillId="0" borderId="27" xfId="0" applyFont="1" applyBorder="1" applyAlignment="1">
      <alignment horizontal="center" vertical="center"/>
    </xf>
    <xf numFmtId="0" fontId="3" fillId="0" borderId="27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0000FF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A42"/>
  <sheetViews>
    <sheetView showGridLines="0" tabSelected="1" topLeftCell="A28" workbookViewId="0"/>
  </sheetViews>
  <sheetFormatPr defaultColWidth="14.42578125" defaultRowHeight="15" customHeight="1" x14ac:dyDescent="0.25"/>
  <cols>
    <col min="1" max="1" width="4.85546875" customWidth="1"/>
    <col min="2" max="26" width="4" customWidth="1"/>
    <col min="27" max="27" width="9" customWidth="1"/>
  </cols>
  <sheetData>
    <row r="1" spans="1:27" ht="18" customHeight="1" x14ac:dyDescent="0.25">
      <c r="A1" s="1"/>
      <c r="B1" s="52" t="s">
        <v>0</v>
      </c>
      <c r="C1" s="46"/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  <c r="O1" s="46"/>
      <c r="P1" s="46"/>
      <c r="Q1" s="46"/>
      <c r="R1" s="46"/>
      <c r="S1" s="46"/>
      <c r="T1" s="46"/>
      <c r="U1" s="46"/>
      <c r="V1" s="46"/>
      <c r="W1" s="46"/>
      <c r="X1" s="46"/>
      <c r="Y1" s="46"/>
      <c r="Z1" s="46"/>
      <c r="AA1" s="1"/>
    </row>
    <row r="2" spans="1:27" ht="18.75" customHeight="1" x14ac:dyDescent="0.25">
      <c r="A2" s="1"/>
      <c r="B2" s="53" t="s">
        <v>1</v>
      </c>
      <c r="C2" s="54"/>
      <c r="D2" s="54"/>
      <c r="E2" s="54"/>
      <c r="F2" s="54"/>
      <c r="G2" s="54"/>
      <c r="H2" s="54"/>
      <c r="I2" s="54"/>
      <c r="J2" s="54"/>
      <c r="K2" s="54"/>
      <c r="L2" s="54"/>
      <c r="M2" s="54"/>
      <c r="N2" s="54"/>
      <c r="O2" s="54"/>
      <c r="P2" s="54"/>
      <c r="Q2" s="54"/>
      <c r="R2" s="54"/>
      <c r="S2" s="54"/>
      <c r="T2" s="54"/>
      <c r="U2" s="54"/>
      <c r="V2" s="54"/>
      <c r="W2" s="54"/>
      <c r="X2" s="54"/>
      <c r="Y2" s="54"/>
      <c r="Z2" s="55"/>
      <c r="AA2" s="1"/>
    </row>
    <row r="3" spans="1:27" ht="18.75" customHeight="1" x14ac:dyDescent="0.25">
      <c r="A3" s="1"/>
      <c r="B3" s="29" t="s">
        <v>2</v>
      </c>
      <c r="C3" s="30"/>
      <c r="D3" s="31"/>
      <c r="E3" s="56" t="s">
        <v>3</v>
      </c>
      <c r="F3" s="30"/>
      <c r="G3" s="30"/>
      <c r="H3" s="30"/>
      <c r="I3" s="30"/>
      <c r="J3" s="30"/>
      <c r="K3" s="30"/>
      <c r="L3" s="30"/>
      <c r="M3" s="30"/>
      <c r="N3" s="50" t="s">
        <v>4</v>
      </c>
      <c r="O3" s="30"/>
      <c r="P3" s="30"/>
      <c r="Q3" s="31"/>
      <c r="R3" s="56" t="s">
        <v>5</v>
      </c>
      <c r="S3" s="30"/>
      <c r="T3" s="30"/>
      <c r="U3" s="30"/>
      <c r="V3" s="31"/>
      <c r="W3" s="56" t="s">
        <v>6</v>
      </c>
      <c r="X3" s="30"/>
      <c r="Y3" s="30"/>
      <c r="Z3" s="57"/>
      <c r="AA3" s="1"/>
    </row>
    <row r="4" spans="1:27" ht="18.75" customHeight="1" x14ac:dyDescent="0.25">
      <c r="A4" s="1"/>
      <c r="B4" s="60"/>
      <c r="C4" s="36"/>
      <c r="D4" s="37"/>
      <c r="E4" s="2" t="s">
        <v>7</v>
      </c>
      <c r="F4" s="3"/>
      <c r="G4" s="3"/>
      <c r="H4" s="3"/>
      <c r="I4" s="3"/>
      <c r="J4" s="3" t="s">
        <v>7</v>
      </c>
      <c r="K4" s="3"/>
      <c r="L4" s="3"/>
      <c r="M4" s="3"/>
      <c r="N4" s="51"/>
      <c r="O4" s="36"/>
      <c r="P4" s="36"/>
      <c r="Q4" s="37"/>
      <c r="R4" s="51"/>
      <c r="S4" s="36"/>
      <c r="T4" s="36"/>
      <c r="U4" s="36"/>
      <c r="V4" s="37"/>
      <c r="W4" s="51"/>
      <c r="X4" s="36"/>
      <c r="Y4" s="36"/>
      <c r="Z4" s="42"/>
      <c r="AA4" s="1"/>
    </row>
    <row r="5" spans="1:27" ht="18.75" customHeight="1" x14ac:dyDescent="0.25">
      <c r="A5" s="1"/>
      <c r="B5" s="61"/>
      <c r="C5" s="39"/>
      <c r="D5" s="40"/>
      <c r="E5" s="4"/>
      <c r="F5" s="5" t="s">
        <v>8</v>
      </c>
      <c r="G5" s="5"/>
      <c r="H5" s="58" t="s">
        <v>9</v>
      </c>
      <c r="I5" s="39"/>
      <c r="J5" s="5"/>
      <c r="K5" s="5" t="s">
        <v>8</v>
      </c>
      <c r="L5" s="5"/>
      <c r="M5" s="6" t="s">
        <v>10</v>
      </c>
      <c r="N5" s="38"/>
      <c r="O5" s="39"/>
      <c r="P5" s="39"/>
      <c r="Q5" s="40"/>
      <c r="R5" s="38"/>
      <c r="S5" s="39"/>
      <c r="T5" s="39"/>
      <c r="U5" s="39"/>
      <c r="V5" s="40"/>
      <c r="W5" s="38"/>
      <c r="X5" s="39"/>
      <c r="Y5" s="39"/>
      <c r="Z5" s="44"/>
      <c r="AA5" s="1"/>
    </row>
    <row r="6" spans="1:27" ht="18.75" customHeight="1" x14ac:dyDescent="0.25">
      <c r="A6" s="1"/>
      <c r="B6" s="60"/>
      <c r="C6" s="36"/>
      <c r="D6" s="37"/>
      <c r="E6" s="2" t="s">
        <v>7</v>
      </c>
      <c r="F6" s="7"/>
      <c r="G6" s="7"/>
      <c r="H6" s="7"/>
      <c r="I6" s="7"/>
      <c r="J6" s="3" t="s">
        <v>7</v>
      </c>
      <c r="K6" s="7"/>
      <c r="L6" s="7"/>
      <c r="M6" s="7"/>
      <c r="N6" s="51"/>
      <c r="O6" s="36"/>
      <c r="P6" s="36"/>
      <c r="Q6" s="37"/>
      <c r="R6" s="51"/>
      <c r="S6" s="36"/>
      <c r="T6" s="36"/>
      <c r="U6" s="36"/>
      <c r="V6" s="37"/>
      <c r="W6" s="51"/>
      <c r="X6" s="36"/>
      <c r="Y6" s="36"/>
      <c r="Z6" s="42"/>
      <c r="AA6" s="1"/>
    </row>
    <row r="7" spans="1:27" ht="18.75" customHeight="1" x14ac:dyDescent="0.25">
      <c r="A7" s="1"/>
      <c r="B7" s="61"/>
      <c r="C7" s="39"/>
      <c r="D7" s="40"/>
      <c r="E7" s="4"/>
      <c r="F7" s="5" t="s">
        <v>8</v>
      </c>
      <c r="G7" s="5"/>
      <c r="H7" s="58" t="s">
        <v>9</v>
      </c>
      <c r="I7" s="39"/>
      <c r="J7" s="5"/>
      <c r="K7" s="5" t="s">
        <v>8</v>
      </c>
      <c r="L7" s="5"/>
      <c r="M7" s="6" t="s">
        <v>10</v>
      </c>
      <c r="N7" s="38"/>
      <c r="O7" s="39"/>
      <c r="P7" s="39"/>
      <c r="Q7" s="40"/>
      <c r="R7" s="38"/>
      <c r="S7" s="39"/>
      <c r="T7" s="39"/>
      <c r="U7" s="39"/>
      <c r="V7" s="40"/>
      <c r="W7" s="38"/>
      <c r="X7" s="39"/>
      <c r="Y7" s="39"/>
      <c r="Z7" s="44"/>
      <c r="AA7" s="1"/>
    </row>
    <row r="8" spans="1:27" ht="18.75" customHeight="1" x14ac:dyDescent="0.25">
      <c r="A8" s="1"/>
      <c r="B8" s="60"/>
      <c r="C8" s="36"/>
      <c r="D8" s="37"/>
      <c r="E8" s="2" t="s">
        <v>7</v>
      </c>
      <c r="F8" s="7"/>
      <c r="G8" s="7"/>
      <c r="H8" s="7"/>
      <c r="I8" s="7"/>
      <c r="J8" s="3" t="s">
        <v>7</v>
      </c>
      <c r="K8" s="7"/>
      <c r="L8" s="7"/>
      <c r="M8" s="7"/>
      <c r="N8" s="51"/>
      <c r="O8" s="36"/>
      <c r="P8" s="36"/>
      <c r="Q8" s="37"/>
      <c r="R8" s="51"/>
      <c r="S8" s="36"/>
      <c r="T8" s="36"/>
      <c r="U8" s="36"/>
      <c r="V8" s="37"/>
      <c r="W8" s="51"/>
      <c r="X8" s="36"/>
      <c r="Y8" s="36"/>
      <c r="Z8" s="42"/>
      <c r="AA8" s="1"/>
    </row>
    <row r="9" spans="1:27" ht="18.75" customHeight="1" x14ac:dyDescent="0.25">
      <c r="A9" s="1"/>
      <c r="B9" s="61"/>
      <c r="C9" s="39"/>
      <c r="D9" s="40"/>
      <c r="E9" s="4"/>
      <c r="F9" s="5" t="s">
        <v>8</v>
      </c>
      <c r="G9" s="5"/>
      <c r="H9" s="58" t="s">
        <v>9</v>
      </c>
      <c r="I9" s="39"/>
      <c r="J9" s="5"/>
      <c r="K9" s="5" t="s">
        <v>8</v>
      </c>
      <c r="L9" s="5"/>
      <c r="M9" s="6" t="s">
        <v>10</v>
      </c>
      <c r="N9" s="38"/>
      <c r="O9" s="39"/>
      <c r="P9" s="39"/>
      <c r="Q9" s="40"/>
      <c r="R9" s="38"/>
      <c r="S9" s="39"/>
      <c r="T9" s="39"/>
      <c r="U9" s="39"/>
      <c r="V9" s="40"/>
      <c r="W9" s="38"/>
      <c r="X9" s="39"/>
      <c r="Y9" s="39"/>
      <c r="Z9" s="44"/>
      <c r="AA9" s="1"/>
    </row>
    <row r="10" spans="1:27" ht="18.75" customHeight="1" x14ac:dyDescent="0.25">
      <c r="A10" s="1"/>
      <c r="B10" s="60"/>
      <c r="C10" s="36"/>
      <c r="D10" s="37"/>
      <c r="E10" s="2" t="s">
        <v>7</v>
      </c>
      <c r="F10" s="7"/>
      <c r="G10" s="7"/>
      <c r="H10" s="7"/>
      <c r="I10" s="7"/>
      <c r="J10" s="3" t="s">
        <v>7</v>
      </c>
      <c r="K10" s="7"/>
      <c r="L10" s="7"/>
      <c r="M10" s="7"/>
      <c r="N10" s="51"/>
      <c r="O10" s="36"/>
      <c r="P10" s="36"/>
      <c r="Q10" s="37"/>
      <c r="R10" s="51"/>
      <c r="S10" s="36"/>
      <c r="T10" s="36"/>
      <c r="U10" s="36"/>
      <c r="V10" s="37"/>
      <c r="W10" s="51"/>
      <c r="X10" s="36"/>
      <c r="Y10" s="36"/>
      <c r="Z10" s="42"/>
      <c r="AA10" s="1"/>
    </row>
    <row r="11" spans="1:27" ht="18.75" customHeight="1" x14ac:dyDescent="0.25">
      <c r="A11" s="1"/>
      <c r="B11" s="61"/>
      <c r="C11" s="39"/>
      <c r="D11" s="40"/>
      <c r="E11" s="4"/>
      <c r="F11" s="5" t="s">
        <v>8</v>
      </c>
      <c r="G11" s="5"/>
      <c r="H11" s="58" t="s">
        <v>9</v>
      </c>
      <c r="I11" s="39"/>
      <c r="J11" s="5"/>
      <c r="K11" s="5" t="s">
        <v>8</v>
      </c>
      <c r="L11" s="5"/>
      <c r="M11" s="6" t="s">
        <v>10</v>
      </c>
      <c r="N11" s="38"/>
      <c r="O11" s="39"/>
      <c r="P11" s="39"/>
      <c r="Q11" s="40"/>
      <c r="R11" s="38"/>
      <c r="S11" s="39"/>
      <c r="T11" s="39"/>
      <c r="U11" s="39"/>
      <c r="V11" s="40"/>
      <c r="W11" s="38"/>
      <c r="X11" s="39"/>
      <c r="Y11" s="39"/>
      <c r="Z11" s="44"/>
      <c r="AA11" s="1"/>
    </row>
    <row r="12" spans="1:27" ht="18.75" customHeight="1" x14ac:dyDescent="0.25">
      <c r="A12" s="1"/>
      <c r="B12" s="62"/>
      <c r="C12" s="36"/>
      <c r="D12" s="37"/>
      <c r="E12" s="2" t="s">
        <v>7</v>
      </c>
      <c r="F12" s="7"/>
      <c r="G12" s="7"/>
      <c r="H12" s="7"/>
      <c r="I12" s="7"/>
      <c r="J12" s="3" t="s">
        <v>7</v>
      </c>
      <c r="K12" s="7"/>
      <c r="L12" s="7"/>
      <c r="M12" s="7"/>
      <c r="N12" s="51"/>
      <c r="O12" s="36"/>
      <c r="P12" s="36"/>
      <c r="Q12" s="37"/>
      <c r="R12" s="51"/>
      <c r="S12" s="36"/>
      <c r="T12" s="36"/>
      <c r="U12" s="36"/>
      <c r="V12" s="37"/>
      <c r="W12" s="51"/>
      <c r="X12" s="36"/>
      <c r="Y12" s="36"/>
      <c r="Z12" s="42"/>
      <c r="AA12" s="1"/>
    </row>
    <row r="13" spans="1:27" ht="18.75" customHeight="1" x14ac:dyDescent="0.25">
      <c r="A13" s="1"/>
      <c r="B13" s="63"/>
      <c r="C13" s="46"/>
      <c r="D13" s="47"/>
      <c r="E13" s="8"/>
      <c r="F13" s="9" t="s">
        <v>8</v>
      </c>
      <c r="G13" s="9"/>
      <c r="H13" s="59" t="s">
        <v>9</v>
      </c>
      <c r="I13" s="46"/>
      <c r="J13" s="9"/>
      <c r="K13" s="9" t="s">
        <v>8</v>
      </c>
      <c r="L13" s="9"/>
      <c r="M13" s="10" t="s">
        <v>10</v>
      </c>
      <c r="N13" s="45"/>
      <c r="O13" s="46"/>
      <c r="P13" s="46"/>
      <c r="Q13" s="47"/>
      <c r="R13" s="45"/>
      <c r="S13" s="46"/>
      <c r="T13" s="46"/>
      <c r="U13" s="46"/>
      <c r="V13" s="47"/>
      <c r="W13" s="45"/>
      <c r="X13" s="46"/>
      <c r="Y13" s="46"/>
      <c r="Z13" s="49"/>
      <c r="AA13" s="1"/>
    </row>
    <row r="14" spans="1:27" ht="18.75" customHeight="1" x14ac:dyDescent="0.25">
      <c r="A14" s="1"/>
      <c r="B14" s="53" t="s">
        <v>11</v>
      </c>
      <c r="C14" s="54"/>
      <c r="D14" s="54"/>
      <c r="E14" s="54"/>
      <c r="F14" s="54"/>
      <c r="G14" s="54"/>
      <c r="H14" s="54"/>
      <c r="I14" s="54"/>
      <c r="J14" s="54"/>
      <c r="K14" s="54"/>
      <c r="L14" s="54"/>
      <c r="M14" s="54"/>
      <c r="N14" s="54"/>
      <c r="O14" s="54"/>
      <c r="P14" s="54"/>
      <c r="Q14" s="54"/>
      <c r="R14" s="54"/>
      <c r="S14" s="54"/>
      <c r="T14" s="54"/>
      <c r="U14" s="54"/>
      <c r="V14" s="54"/>
      <c r="W14" s="54"/>
      <c r="X14" s="54"/>
      <c r="Y14" s="54"/>
      <c r="Z14" s="55"/>
      <c r="AA14" s="1"/>
    </row>
    <row r="15" spans="1:27" ht="18.75" customHeight="1" x14ac:dyDescent="0.25">
      <c r="A15" s="1"/>
      <c r="B15" s="29" t="s">
        <v>3</v>
      </c>
      <c r="C15" s="30"/>
      <c r="D15" s="30"/>
      <c r="E15" s="30"/>
      <c r="F15" s="30"/>
      <c r="G15" s="30"/>
      <c r="H15" s="30"/>
      <c r="I15" s="31"/>
      <c r="J15" s="56" t="s">
        <v>12</v>
      </c>
      <c r="K15" s="30"/>
      <c r="L15" s="30"/>
      <c r="M15" s="30"/>
      <c r="N15" s="31"/>
      <c r="O15" s="56" t="s">
        <v>13</v>
      </c>
      <c r="P15" s="30"/>
      <c r="Q15" s="30"/>
      <c r="R15" s="31"/>
      <c r="S15" s="56" t="s">
        <v>14</v>
      </c>
      <c r="T15" s="30"/>
      <c r="U15" s="31"/>
      <c r="V15" s="50" t="s">
        <v>15</v>
      </c>
      <c r="W15" s="30"/>
      <c r="X15" s="30"/>
      <c r="Y15" s="30"/>
      <c r="Z15" s="57"/>
      <c r="AA15" s="1"/>
    </row>
    <row r="16" spans="1:27" ht="18.75" customHeight="1" x14ac:dyDescent="0.25">
      <c r="A16" s="1"/>
      <c r="B16" s="32" t="s">
        <v>16</v>
      </c>
      <c r="C16" s="33"/>
      <c r="D16" s="33"/>
      <c r="E16" s="33"/>
      <c r="F16" s="33"/>
      <c r="G16" s="33"/>
      <c r="H16" s="33"/>
      <c r="I16" s="34"/>
      <c r="J16" s="35"/>
      <c r="K16" s="36"/>
      <c r="L16" s="36"/>
      <c r="M16" s="36"/>
      <c r="N16" s="37"/>
      <c r="O16" s="35"/>
      <c r="P16" s="36"/>
      <c r="Q16" s="36"/>
      <c r="R16" s="37"/>
      <c r="S16" s="11" t="s">
        <v>17</v>
      </c>
      <c r="T16" s="12" t="s">
        <v>18</v>
      </c>
      <c r="U16" s="13"/>
      <c r="V16" s="2" t="s">
        <v>19</v>
      </c>
      <c r="W16" s="41" t="s">
        <v>20</v>
      </c>
      <c r="X16" s="36"/>
      <c r="Y16" s="36"/>
      <c r="Z16" s="42"/>
      <c r="AA16" s="1"/>
    </row>
    <row r="17" spans="1:27" ht="18.75" customHeight="1" x14ac:dyDescent="0.25">
      <c r="A17" s="1"/>
      <c r="B17" s="14"/>
      <c r="C17" s="5" t="s">
        <v>8</v>
      </c>
      <c r="D17" s="5"/>
      <c r="E17" s="5" t="s">
        <v>9</v>
      </c>
      <c r="F17" s="5"/>
      <c r="G17" s="5" t="s">
        <v>8</v>
      </c>
      <c r="H17" s="5"/>
      <c r="I17" s="6" t="s">
        <v>10</v>
      </c>
      <c r="J17" s="38"/>
      <c r="K17" s="39"/>
      <c r="L17" s="39"/>
      <c r="M17" s="39"/>
      <c r="N17" s="40"/>
      <c r="O17" s="38"/>
      <c r="P17" s="39"/>
      <c r="Q17" s="39"/>
      <c r="R17" s="40"/>
      <c r="S17" s="11" t="s">
        <v>21</v>
      </c>
      <c r="T17" s="12" t="s">
        <v>22</v>
      </c>
      <c r="U17" s="13"/>
      <c r="V17" s="43" t="s">
        <v>23</v>
      </c>
      <c r="W17" s="39"/>
      <c r="X17" s="39"/>
      <c r="Y17" s="39"/>
      <c r="Z17" s="44"/>
      <c r="AA17" s="1"/>
    </row>
    <row r="18" spans="1:27" ht="18.75" customHeight="1" x14ac:dyDescent="0.25">
      <c r="A18" s="1"/>
      <c r="B18" s="32" t="s">
        <v>16</v>
      </c>
      <c r="C18" s="33"/>
      <c r="D18" s="33"/>
      <c r="E18" s="33"/>
      <c r="F18" s="33"/>
      <c r="G18" s="33"/>
      <c r="H18" s="33"/>
      <c r="I18" s="34"/>
      <c r="J18" s="35"/>
      <c r="K18" s="36"/>
      <c r="L18" s="36"/>
      <c r="M18" s="36"/>
      <c r="N18" s="37"/>
      <c r="O18" s="35"/>
      <c r="P18" s="36"/>
      <c r="Q18" s="36"/>
      <c r="R18" s="37"/>
      <c r="S18" s="2" t="s">
        <v>17</v>
      </c>
      <c r="T18" s="15" t="s">
        <v>18</v>
      </c>
      <c r="U18" s="16"/>
      <c r="V18" s="2" t="s">
        <v>19</v>
      </c>
      <c r="W18" s="41" t="s">
        <v>20</v>
      </c>
      <c r="X18" s="36"/>
      <c r="Y18" s="36"/>
      <c r="Z18" s="42"/>
      <c r="AA18" s="1"/>
    </row>
    <row r="19" spans="1:27" ht="18.75" customHeight="1" x14ac:dyDescent="0.25">
      <c r="A19" s="1"/>
      <c r="B19" s="14"/>
      <c r="C19" s="5" t="s">
        <v>8</v>
      </c>
      <c r="D19" s="5"/>
      <c r="E19" s="5" t="s">
        <v>9</v>
      </c>
      <c r="F19" s="5"/>
      <c r="G19" s="5" t="s">
        <v>8</v>
      </c>
      <c r="H19" s="5"/>
      <c r="I19" s="6" t="s">
        <v>10</v>
      </c>
      <c r="J19" s="38"/>
      <c r="K19" s="39"/>
      <c r="L19" s="39"/>
      <c r="M19" s="39"/>
      <c r="N19" s="40"/>
      <c r="O19" s="38"/>
      <c r="P19" s="39"/>
      <c r="Q19" s="39"/>
      <c r="R19" s="40"/>
      <c r="S19" s="17" t="s">
        <v>21</v>
      </c>
      <c r="T19" s="18" t="s">
        <v>22</v>
      </c>
      <c r="U19" s="19"/>
      <c r="V19" s="43" t="s">
        <v>23</v>
      </c>
      <c r="W19" s="39"/>
      <c r="X19" s="39"/>
      <c r="Y19" s="39"/>
      <c r="Z19" s="44"/>
      <c r="AA19" s="1"/>
    </row>
    <row r="20" spans="1:27" ht="18.75" customHeight="1" x14ac:dyDescent="0.25">
      <c r="A20" s="1"/>
      <c r="B20" s="32" t="s">
        <v>16</v>
      </c>
      <c r="C20" s="33"/>
      <c r="D20" s="33"/>
      <c r="E20" s="33"/>
      <c r="F20" s="33"/>
      <c r="G20" s="33"/>
      <c r="H20" s="33"/>
      <c r="I20" s="34"/>
      <c r="J20" s="35"/>
      <c r="K20" s="36"/>
      <c r="L20" s="36"/>
      <c r="M20" s="36"/>
      <c r="N20" s="37"/>
      <c r="O20" s="35"/>
      <c r="P20" s="36"/>
      <c r="Q20" s="36"/>
      <c r="R20" s="37"/>
      <c r="S20" s="11" t="s">
        <v>17</v>
      </c>
      <c r="T20" s="12" t="s">
        <v>18</v>
      </c>
      <c r="U20" s="13"/>
      <c r="V20" s="2" t="s">
        <v>19</v>
      </c>
      <c r="W20" s="41" t="s">
        <v>20</v>
      </c>
      <c r="X20" s="36"/>
      <c r="Y20" s="36"/>
      <c r="Z20" s="42"/>
      <c r="AA20" s="1"/>
    </row>
    <row r="21" spans="1:27" ht="18.75" customHeight="1" x14ac:dyDescent="0.25">
      <c r="A21" s="1"/>
      <c r="B21" s="14"/>
      <c r="C21" s="5" t="s">
        <v>8</v>
      </c>
      <c r="D21" s="5"/>
      <c r="E21" s="5" t="s">
        <v>9</v>
      </c>
      <c r="F21" s="5"/>
      <c r="G21" s="5" t="s">
        <v>8</v>
      </c>
      <c r="H21" s="5"/>
      <c r="I21" s="6" t="s">
        <v>10</v>
      </c>
      <c r="J21" s="38"/>
      <c r="K21" s="39"/>
      <c r="L21" s="39"/>
      <c r="M21" s="39"/>
      <c r="N21" s="40"/>
      <c r="O21" s="38"/>
      <c r="P21" s="39"/>
      <c r="Q21" s="39"/>
      <c r="R21" s="40"/>
      <c r="S21" s="11" t="s">
        <v>21</v>
      </c>
      <c r="T21" s="12" t="s">
        <v>22</v>
      </c>
      <c r="U21" s="13"/>
      <c r="V21" s="43" t="s">
        <v>23</v>
      </c>
      <c r="W21" s="39"/>
      <c r="X21" s="39"/>
      <c r="Y21" s="39"/>
      <c r="Z21" s="44"/>
      <c r="AA21" s="1"/>
    </row>
    <row r="22" spans="1:27" ht="18.75" customHeight="1" x14ac:dyDescent="0.25">
      <c r="A22" s="1"/>
      <c r="B22" s="32" t="s">
        <v>16</v>
      </c>
      <c r="C22" s="33"/>
      <c r="D22" s="33"/>
      <c r="E22" s="33"/>
      <c r="F22" s="33"/>
      <c r="G22" s="33"/>
      <c r="H22" s="33"/>
      <c r="I22" s="34"/>
      <c r="J22" s="35"/>
      <c r="K22" s="36"/>
      <c r="L22" s="36"/>
      <c r="M22" s="36"/>
      <c r="N22" s="37"/>
      <c r="O22" s="35"/>
      <c r="P22" s="36"/>
      <c r="Q22" s="36"/>
      <c r="R22" s="37"/>
      <c r="S22" s="2" t="s">
        <v>17</v>
      </c>
      <c r="T22" s="15" t="s">
        <v>18</v>
      </c>
      <c r="U22" s="16"/>
      <c r="V22" s="2" t="s">
        <v>19</v>
      </c>
      <c r="W22" s="41" t="s">
        <v>20</v>
      </c>
      <c r="X22" s="36"/>
      <c r="Y22" s="36"/>
      <c r="Z22" s="42"/>
      <c r="AA22" s="1"/>
    </row>
    <row r="23" spans="1:27" ht="18.75" customHeight="1" x14ac:dyDescent="0.25">
      <c r="A23" s="1"/>
      <c r="B23" s="14"/>
      <c r="C23" s="5" t="s">
        <v>8</v>
      </c>
      <c r="D23" s="5"/>
      <c r="E23" s="5" t="s">
        <v>9</v>
      </c>
      <c r="F23" s="5"/>
      <c r="G23" s="5" t="s">
        <v>8</v>
      </c>
      <c r="H23" s="5"/>
      <c r="I23" s="6" t="s">
        <v>10</v>
      </c>
      <c r="J23" s="38"/>
      <c r="K23" s="39"/>
      <c r="L23" s="39"/>
      <c r="M23" s="39"/>
      <c r="N23" s="40"/>
      <c r="O23" s="38"/>
      <c r="P23" s="39"/>
      <c r="Q23" s="39"/>
      <c r="R23" s="40"/>
      <c r="S23" s="17" t="s">
        <v>21</v>
      </c>
      <c r="T23" s="18" t="s">
        <v>22</v>
      </c>
      <c r="U23" s="19"/>
      <c r="V23" s="43" t="s">
        <v>23</v>
      </c>
      <c r="W23" s="39"/>
      <c r="X23" s="39"/>
      <c r="Y23" s="39"/>
      <c r="Z23" s="44"/>
      <c r="AA23" s="1"/>
    </row>
    <row r="24" spans="1:27" ht="18.75" customHeight="1" x14ac:dyDescent="0.25">
      <c r="A24" s="1"/>
      <c r="B24" s="32" t="s">
        <v>16</v>
      </c>
      <c r="C24" s="33"/>
      <c r="D24" s="33"/>
      <c r="E24" s="33"/>
      <c r="F24" s="33"/>
      <c r="G24" s="33"/>
      <c r="H24" s="33"/>
      <c r="I24" s="34"/>
      <c r="J24" s="35"/>
      <c r="K24" s="36"/>
      <c r="L24" s="36"/>
      <c r="M24" s="36"/>
      <c r="N24" s="37"/>
      <c r="O24" s="35"/>
      <c r="P24" s="36"/>
      <c r="Q24" s="36"/>
      <c r="R24" s="37"/>
      <c r="S24" s="2" t="s">
        <v>17</v>
      </c>
      <c r="T24" s="15" t="s">
        <v>18</v>
      </c>
      <c r="U24" s="16"/>
      <c r="V24" s="2" t="s">
        <v>19</v>
      </c>
      <c r="W24" s="41" t="s">
        <v>20</v>
      </c>
      <c r="X24" s="36"/>
      <c r="Y24" s="36"/>
      <c r="Z24" s="42"/>
      <c r="AA24" s="1"/>
    </row>
    <row r="25" spans="1:27" ht="18.75" customHeight="1" x14ac:dyDescent="0.25">
      <c r="A25" s="1"/>
      <c r="B25" s="14"/>
      <c r="C25" s="5" t="s">
        <v>8</v>
      </c>
      <c r="D25" s="5"/>
      <c r="E25" s="5" t="s">
        <v>9</v>
      </c>
      <c r="F25" s="5"/>
      <c r="G25" s="5" t="s">
        <v>8</v>
      </c>
      <c r="H25" s="5"/>
      <c r="I25" s="6" t="s">
        <v>10</v>
      </c>
      <c r="J25" s="38"/>
      <c r="K25" s="39"/>
      <c r="L25" s="39"/>
      <c r="M25" s="39"/>
      <c r="N25" s="40"/>
      <c r="O25" s="38"/>
      <c r="P25" s="39"/>
      <c r="Q25" s="39"/>
      <c r="R25" s="40"/>
      <c r="S25" s="17" t="s">
        <v>21</v>
      </c>
      <c r="T25" s="18" t="s">
        <v>22</v>
      </c>
      <c r="U25" s="19"/>
      <c r="V25" s="43" t="s">
        <v>23</v>
      </c>
      <c r="W25" s="39"/>
      <c r="X25" s="39"/>
      <c r="Y25" s="39"/>
      <c r="Z25" s="44"/>
      <c r="AA25" s="1"/>
    </row>
    <row r="26" spans="1:27" ht="18.75" customHeight="1" x14ac:dyDescent="0.25">
      <c r="A26" s="1"/>
      <c r="B26" s="32" t="s">
        <v>16</v>
      </c>
      <c r="C26" s="33"/>
      <c r="D26" s="33"/>
      <c r="E26" s="33"/>
      <c r="F26" s="33"/>
      <c r="G26" s="33"/>
      <c r="H26" s="33"/>
      <c r="I26" s="34"/>
      <c r="J26" s="35"/>
      <c r="K26" s="36"/>
      <c r="L26" s="36"/>
      <c r="M26" s="36"/>
      <c r="N26" s="37"/>
      <c r="O26" s="35"/>
      <c r="P26" s="36"/>
      <c r="Q26" s="36"/>
      <c r="R26" s="37"/>
      <c r="S26" s="2" t="s">
        <v>17</v>
      </c>
      <c r="T26" s="15" t="s">
        <v>18</v>
      </c>
      <c r="U26" s="16"/>
      <c r="V26" s="2" t="s">
        <v>19</v>
      </c>
      <c r="W26" s="41" t="s">
        <v>20</v>
      </c>
      <c r="X26" s="36"/>
      <c r="Y26" s="36"/>
      <c r="Z26" s="42"/>
      <c r="AA26" s="1"/>
    </row>
    <row r="27" spans="1:27" ht="18.75" customHeight="1" x14ac:dyDescent="0.25">
      <c r="A27" s="1"/>
      <c r="B27" s="14"/>
      <c r="C27" s="5" t="s">
        <v>8</v>
      </c>
      <c r="D27" s="5"/>
      <c r="E27" s="5" t="s">
        <v>9</v>
      </c>
      <c r="F27" s="5"/>
      <c r="G27" s="5" t="s">
        <v>8</v>
      </c>
      <c r="H27" s="5"/>
      <c r="I27" s="6" t="s">
        <v>10</v>
      </c>
      <c r="J27" s="38"/>
      <c r="K27" s="39"/>
      <c r="L27" s="39"/>
      <c r="M27" s="39"/>
      <c r="N27" s="40"/>
      <c r="O27" s="38"/>
      <c r="P27" s="39"/>
      <c r="Q27" s="39"/>
      <c r="R27" s="40"/>
      <c r="S27" s="17" t="s">
        <v>21</v>
      </c>
      <c r="T27" s="18" t="s">
        <v>22</v>
      </c>
      <c r="U27" s="19"/>
      <c r="V27" s="43" t="s">
        <v>23</v>
      </c>
      <c r="W27" s="39"/>
      <c r="X27" s="39"/>
      <c r="Y27" s="39"/>
      <c r="Z27" s="44"/>
      <c r="AA27" s="1"/>
    </row>
    <row r="28" spans="1:27" ht="18.75" customHeight="1" x14ac:dyDescent="0.25">
      <c r="A28" s="1"/>
      <c r="B28" s="32" t="s">
        <v>16</v>
      </c>
      <c r="C28" s="33"/>
      <c r="D28" s="33"/>
      <c r="E28" s="33"/>
      <c r="F28" s="33"/>
      <c r="G28" s="33"/>
      <c r="H28" s="33"/>
      <c r="I28" s="34"/>
      <c r="J28" s="35"/>
      <c r="K28" s="36"/>
      <c r="L28" s="36"/>
      <c r="M28" s="36"/>
      <c r="N28" s="37"/>
      <c r="O28" s="35"/>
      <c r="P28" s="36"/>
      <c r="Q28" s="36"/>
      <c r="R28" s="37"/>
      <c r="S28" s="11" t="s">
        <v>17</v>
      </c>
      <c r="T28" s="12" t="s">
        <v>18</v>
      </c>
      <c r="U28" s="13"/>
      <c r="V28" s="2" t="s">
        <v>19</v>
      </c>
      <c r="W28" s="41" t="s">
        <v>20</v>
      </c>
      <c r="X28" s="36"/>
      <c r="Y28" s="36"/>
      <c r="Z28" s="42"/>
      <c r="AA28" s="1"/>
    </row>
    <row r="29" spans="1:27" ht="18.75" customHeight="1" x14ac:dyDescent="0.25">
      <c r="A29" s="1"/>
      <c r="B29" s="14"/>
      <c r="C29" s="5" t="s">
        <v>8</v>
      </c>
      <c r="D29" s="5"/>
      <c r="E29" s="5" t="s">
        <v>9</v>
      </c>
      <c r="F29" s="5"/>
      <c r="G29" s="5" t="s">
        <v>8</v>
      </c>
      <c r="H29" s="5"/>
      <c r="I29" s="6" t="s">
        <v>10</v>
      </c>
      <c r="J29" s="38"/>
      <c r="K29" s="39"/>
      <c r="L29" s="39"/>
      <c r="M29" s="39"/>
      <c r="N29" s="40"/>
      <c r="O29" s="38"/>
      <c r="P29" s="39"/>
      <c r="Q29" s="39"/>
      <c r="R29" s="40"/>
      <c r="S29" s="11" t="s">
        <v>21</v>
      </c>
      <c r="T29" s="12" t="s">
        <v>22</v>
      </c>
      <c r="U29" s="13"/>
      <c r="V29" s="43" t="s">
        <v>23</v>
      </c>
      <c r="W29" s="39"/>
      <c r="X29" s="39"/>
      <c r="Y29" s="39"/>
      <c r="Z29" s="44"/>
      <c r="AA29" s="1"/>
    </row>
    <row r="30" spans="1:27" ht="18.75" customHeight="1" x14ac:dyDescent="0.25">
      <c r="A30" s="1"/>
      <c r="B30" s="32" t="s">
        <v>16</v>
      </c>
      <c r="C30" s="33"/>
      <c r="D30" s="33"/>
      <c r="E30" s="33"/>
      <c r="F30" s="33"/>
      <c r="G30" s="33"/>
      <c r="H30" s="33"/>
      <c r="I30" s="34"/>
      <c r="J30" s="35"/>
      <c r="K30" s="36"/>
      <c r="L30" s="36"/>
      <c r="M30" s="36"/>
      <c r="N30" s="37"/>
      <c r="O30" s="35"/>
      <c r="P30" s="36"/>
      <c r="Q30" s="36"/>
      <c r="R30" s="37"/>
      <c r="S30" s="2" t="s">
        <v>17</v>
      </c>
      <c r="T30" s="15" t="s">
        <v>18</v>
      </c>
      <c r="U30" s="16"/>
      <c r="V30" s="2" t="s">
        <v>19</v>
      </c>
      <c r="W30" s="41" t="s">
        <v>20</v>
      </c>
      <c r="X30" s="36"/>
      <c r="Y30" s="36"/>
      <c r="Z30" s="42"/>
      <c r="AA30" s="1"/>
    </row>
    <row r="31" spans="1:27" ht="18.75" customHeight="1" x14ac:dyDescent="0.25">
      <c r="A31" s="1"/>
      <c r="B31" s="14"/>
      <c r="C31" s="5" t="s">
        <v>8</v>
      </c>
      <c r="D31" s="5"/>
      <c r="E31" s="5" t="s">
        <v>9</v>
      </c>
      <c r="F31" s="5"/>
      <c r="G31" s="5" t="s">
        <v>8</v>
      </c>
      <c r="H31" s="5"/>
      <c r="I31" s="6" t="s">
        <v>10</v>
      </c>
      <c r="J31" s="38"/>
      <c r="K31" s="39"/>
      <c r="L31" s="39"/>
      <c r="M31" s="39"/>
      <c r="N31" s="40"/>
      <c r="O31" s="38"/>
      <c r="P31" s="39"/>
      <c r="Q31" s="39"/>
      <c r="R31" s="40"/>
      <c r="S31" s="17" t="s">
        <v>21</v>
      </c>
      <c r="T31" s="18" t="s">
        <v>22</v>
      </c>
      <c r="U31" s="19"/>
      <c r="V31" s="43" t="s">
        <v>23</v>
      </c>
      <c r="W31" s="39"/>
      <c r="X31" s="39"/>
      <c r="Y31" s="39"/>
      <c r="Z31" s="44"/>
      <c r="AA31" s="1"/>
    </row>
    <row r="32" spans="1:27" ht="18.75" customHeight="1" x14ac:dyDescent="0.25">
      <c r="A32" s="1"/>
      <c r="B32" s="32" t="s">
        <v>16</v>
      </c>
      <c r="C32" s="33"/>
      <c r="D32" s="33"/>
      <c r="E32" s="33"/>
      <c r="F32" s="33"/>
      <c r="G32" s="33"/>
      <c r="H32" s="33"/>
      <c r="I32" s="34"/>
      <c r="J32" s="35"/>
      <c r="K32" s="36"/>
      <c r="L32" s="36"/>
      <c r="M32" s="36"/>
      <c r="N32" s="37"/>
      <c r="O32" s="35"/>
      <c r="P32" s="36"/>
      <c r="Q32" s="36"/>
      <c r="R32" s="37"/>
      <c r="S32" s="2" t="s">
        <v>17</v>
      </c>
      <c r="T32" s="15" t="s">
        <v>18</v>
      </c>
      <c r="U32" s="16"/>
      <c r="V32" s="2" t="s">
        <v>19</v>
      </c>
      <c r="W32" s="41" t="s">
        <v>20</v>
      </c>
      <c r="X32" s="36"/>
      <c r="Y32" s="36"/>
      <c r="Z32" s="42"/>
      <c r="AA32" s="1"/>
    </row>
    <row r="33" spans="1:27" ht="18.75" customHeight="1" x14ac:dyDescent="0.25">
      <c r="A33" s="1"/>
      <c r="B33" s="14"/>
      <c r="C33" s="5" t="s">
        <v>8</v>
      </c>
      <c r="D33" s="5"/>
      <c r="E33" s="5" t="s">
        <v>9</v>
      </c>
      <c r="F33" s="5"/>
      <c r="G33" s="5" t="s">
        <v>8</v>
      </c>
      <c r="H33" s="5"/>
      <c r="I33" s="6" t="s">
        <v>10</v>
      </c>
      <c r="J33" s="38"/>
      <c r="K33" s="39"/>
      <c r="L33" s="39"/>
      <c r="M33" s="39"/>
      <c r="N33" s="40"/>
      <c r="O33" s="38"/>
      <c r="P33" s="39"/>
      <c r="Q33" s="39"/>
      <c r="R33" s="40"/>
      <c r="S33" s="17" t="s">
        <v>21</v>
      </c>
      <c r="T33" s="18" t="s">
        <v>22</v>
      </c>
      <c r="U33" s="19"/>
      <c r="V33" s="43" t="s">
        <v>23</v>
      </c>
      <c r="W33" s="39"/>
      <c r="X33" s="39"/>
      <c r="Y33" s="39"/>
      <c r="Z33" s="44"/>
      <c r="AA33" s="1"/>
    </row>
    <row r="34" spans="1:27" ht="18.75" customHeight="1" x14ac:dyDescent="0.25">
      <c r="A34" s="1"/>
      <c r="B34" s="32" t="s">
        <v>16</v>
      </c>
      <c r="C34" s="33"/>
      <c r="D34" s="33"/>
      <c r="E34" s="33"/>
      <c r="F34" s="33"/>
      <c r="G34" s="33"/>
      <c r="H34" s="33"/>
      <c r="I34" s="34"/>
      <c r="J34" s="35"/>
      <c r="K34" s="36"/>
      <c r="L34" s="36"/>
      <c r="M34" s="36"/>
      <c r="N34" s="37"/>
      <c r="O34" s="35"/>
      <c r="P34" s="36"/>
      <c r="Q34" s="36"/>
      <c r="R34" s="37"/>
      <c r="S34" s="2" t="s">
        <v>17</v>
      </c>
      <c r="T34" s="15" t="s">
        <v>18</v>
      </c>
      <c r="U34" s="16"/>
      <c r="V34" s="2" t="s">
        <v>19</v>
      </c>
      <c r="W34" s="41" t="s">
        <v>20</v>
      </c>
      <c r="X34" s="36"/>
      <c r="Y34" s="36"/>
      <c r="Z34" s="42"/>
      <c r="AA34" s="1"/>
    </row>
    <row r="35" spans="1:27" ht="18.75" customHeight="1" x14ac:dyDescent="0.25">
      <c r="A35" s="1"/>
      <c r="B35" s="14"/>
      <c r="C35" s="5" t="s">
        <v>8</v>
      </c>
      <c r="D35" s="5"/>
      <c r="E35" s="5" t="s">
        <v>9</v>
      </c>
      <c r="F35" s="5"/>
      <c r="G35" s="5" t="s">
        <v>8</v>
      </c>
      <c r="H35" s="5"/>
      <c r="I35" s="6" t="s">
        <v>10</v>
      </c>
      <c r="J35" s="38"/>
      <c r="K35" s="39"/>
      <c r="L35" s="39"/>
      <c r="M35" s="39"/>
      <c r="N35" s="40"/>
      <c r="O35" s="38"/>
      <c r="P35" s="39"/>
      <c r="Q35" s="39"/>
      <c r="R35" s="40"/>
      <c r="S35" s="17" t="s">
        <v>21</v>
      </c>
      <c r="T35" s="18" t="s">
        <v>22</v>
      </c>
      <c r="U35" s="19"/>
      <c r="V35" s="43" t="s">
        <v>23</v>
      </c>
      <c r="W35" s="39"/>
      <c r="X35" s="39"/>
      <c r="Y35" s="39"/>
      <c r="Z35" s="44"/>
      <c r="AA35" s="1"/>
    </row>
    <row r="36" spans="1:27" ht="18.75" customHeight="1" x14ac:dyDescent="0.25">
      <c r="A36" s="1"/>
      <c r="B36" s="32" t="s">
        <v>16</v>
      </c>
      <c r="C36" s="33"/>
      <c r="D36" s="33"/>
      <c r="E36" s="33"/>
      <c r="F36" s="33"/>
      <c r="G36" s="33"/>
      <c r="H36" s="33"/>
      <c r="I36" s="34"/>
      <c r="J36" s="35"/>
      <c r="K36" s="36"/>
      <c r="L36" s="36"/>
      <c r="M36" s="36"/>
      <c r="N36" s="37"/>
      <c r="O36" s="35"/>
      <c r="P36" s="36"/>
      <c r="Q36" s="36"/>
      <c r="R36" s="37"/>
      <c r="S36" s="11" t="s">
        <v>17</v>
      </c>
      <c r="T36" s="12" t="s">
        <v>18</v>
      </c>
      <c r="U36" s="13"/>
      <c r="V36" s="2" t="s">
        <v>19</v>
      </c>
      <c r="W36" s="41" t="s">
        <v>20</v>
      </c>
      <c r="X36" s="36"/>
      <c r="Y36" s="36"/>
      <c r="Z36" s="42"/>
      <c r="AA36" s="1"/>
    </row>
    <row r="37" spans="1:27" ht="18.75" customHeight="1" x14ac:dyDescent="0.25">
      <c r="A37" s="1"/>
      <c r="B37" s="14"/>
      <c r="C37" s="5" t="s">
        <v>8</v>
      </c>
      <c r="D37" s="5"/>
      <c r="E37" s="5" t="s">
        <v>9</v>
      </c>
      <c r="F37" s="5"/>
      <c r="G37" s="5" t="s">
        <v>8</v>
      </c>
      <c r="H37" s="5"/>
      <c r="I37" s="6" t="s">
        <v>10</v>
      </c>
      <c r="J37" s="38"/>
      <c r="K37" s="39"/>
      <c r="L37" s="39"/>
      <c r="M37" s="39"/>
      <c r="N37" s="40"/>
      <c r="O37" s="38"/>
      <c r="P37" s="39"/>
      <c r="Q37" s="39"/>
      <c r="R37" s="40"/>
      <c r="S37" s="11" t="s">
        <v>21</v>
      </c>
      <c r="T37" s="12" t="s">
        <v>22</v>
      </c>
      <c r="U37" s="13"/>
      <c r="V37" s="43" t="s">
        <v>23</v>
      </c>
      <c r="W37" s="39"/>
      <c r="X37" s="39"/>
      <c r="Y37" s="39"/>
      <c r="Z37" s="44"/>
      <c r="AA37" s="1"/>
    </row>
    <row r="38" spans="1:27" ht="18.75" customHeight="1" x14ac:dyDescent="0.25">
      <c r="A38" s="1"/>
      <c r="B38" s="32" t="s">
        <v>16</v>
      </c>
      <c r="C38" s="33"/>
      <c r="D38" s="33"/>
      <c r="E38" s="33"/>
      <c r="F38" s="33"/>
      <c r="G38" s="33"/>
      <c r="H38" s="33"/>
      <c r="I38" s="34"/>
      <c r="J38" s="35"/>
      <c r="K38" s="36"/>
      <c r="L38" s="36"/>
      <c r="M38" s="36"/>
      <c r="N38" s="37"/>
      <c r="O38" s="35"/>
      <c r="P38" s="36"/>
      <c r="Q38" s="36"/>
      <c r="R38" s="37"/>
      <c r="S38" s="2" t="s">
        <v>17</v>
      </c>
      <c r="T38" s="15" t="s">
        <v>18</v>
      </c>
      <c r="U38" s="16"/>
      <c r="V38" s="2" t="s">
        <v>19</v>
      </c>
      <c r="W38" s="41" t="s">
        <v>20</v>
      </c>
      <c r="X38" s="36"/>
      <c r="Y38" s="36"/>
      <c r="Z38" s="42"/>
      <c r="AA38" s="1"/>
    </row>
    <row r="39" spans="1:27" ht="18.75" customHeight="1" x14ac:dyDescent="0.25">
      <c r="A39" s="1"/>
      <c r="B39" s="20"/>
      <c r="C39" s="9" t="s">
        <v>8</v>
      </c>
      <c r="D39" s="9"/>
      <c r="E39" s="9" t="s">
        <v>9</v>
      </c>
      <c r="F39" s="9"/>
      <c r="G39" s="9" t="s">
        <v>8</v>
      </c>
      <c r="H39" s="9"/>
      <c r="I39" s="10" t="s">
        <v>10</v>
      </c>
      <c r="J39" s="45"/>
      <c r="K39" s="46"/>
      <c r="L39" s="46"/>
      <c r="M39" s="46"/>
      <c r="N39" s="47"/>
      <c r="O39" s="45"/>
      <c r="P39" s="46"/>
      <c r="Q39" s="46"/>
      <c r="R39" s="47"/>
      <c r="S39" s="21" t="s">
        <v>21</v>
      </c>
      <c r="T39" s="22" t="s">
        <v>22</v>
      </c>
      <c r="U39" s="23"/>
      <c r="V39" s="48" t="s">
        <v>23</v>
      </c>
      <c r="W39" s="46"/>
      <c r="X39" s="46"/>
      <c r="Y39" s="46"/>
      <c r="Z39" s="49"/>
      <c r="AA39" s="1"/>
    </row>
    <row r="40" spans="1:27" ht="18" customHeight="1" x14ac:dyDescent="0.15">
      <c r="A40" s="1"/>
      <c r="B40" s="24"/>
      <c r="C40" s="24"/>
      <c r="D40" s="24"/>
      <c r="E40" s="24"/>
      <c r="F40" s="24"/>
      <c r="G40" s="24"/>
      <c r="H40" s="24"/>
      <c r="I40" s="24"/>
      <c r="J40" s="24"/>
      <c r="K40" s="1"/>
      <c r="L40" s="1"/>
      <c r="M40" s="1"/>
      <c r="N40" s="1"/>
      <c r="O40" s="1"/>
      <c r="P40" s="1"/>
      <c r="Q40" s="1"/>
      <c r="R40" s="1"/>
      <c r="S40" s="25"/>
      <c r="T40" s="25"/>
      <c r="U40" s="24"/>
      <c r="V40" s="24"/>
      <c r="W40" s="24"/>
      <c r="X40" s="24"/>
      <c r="Y40" s="24"/>
      <c r="Z40" s="24"/>
      <c r="AA40" s="24"/>
    </row>
    <row r="41" spans="1:27" ht="18" customHeight="1" x14ac:dyDescent="0.25">
      <c r="A41" s="1"/>
      <c r="B41" s="64" t="s">
        <v>24</v>
      </c>
      <c r="C41" s="46"/>
      <c r="D41" s="26"/>
      <c r="E41" s="26" t="s">
        <v>8</v>
      </c>
      <c r="F41" s="26"/>
      <c r="G41" s="26" t="s">
        <v>10</v>
      </c>
      <c r="H41" s="26"/>
      <c r="I41" s="26" t="s">
        <v>25</v>
      </c>
      <c r="J41" s="27"/>
      <c r="K41" s="1"/>
      <c r="L41" s="1"/>
      <c r="M41" s="1"/>
      <c r="N41" s="1"/>
      <c r="O41" s="1"/>
      <c r="P41" s="1"/>
      <c r="Q41" s="1"/>
      <c r="R41" s="1"/>
      <c r="S41" s="65" t="s">
        <v>26</v>
      </c>
      <c r="T41" s="46"/>
      <c r="U41" s="65"/>
      <c r="V41" s="46"/>
      <c r="W41" s="46"/>
      <c r="X41" s="46"/>
      <c r="Y41" s="46"/>
      <c r="Z41" s="46"/>
      <c r="AA41" s="24"/>
    </row>
    <row r="42" spans="1:27" ht="18" customHeight="1" x14ac:dyDescent="0.25">
      <c r="A42" s="1"/>
      <c r="B42" s="1"/>
      <c r="C42" s="1"/>
      <c r="D42" s="28"/>
      <c r="E42" s="28"/>
      <c r="F42" s="28"/>
      <c r="G42" s="28"/>
      <c r="H42" s="28"/>
      <c r="I42" s="28"/>
      <c r="J42" s="28"/>
      <c r="K42" s="28"/>
      <c r="L42" s="28"/>
      <c r="M42" s="1"/>
      <c r="N42" s="1"/>
      <c r="O42" s="1"/>
      <c r="P42" s="1"/>
      <c r="Q42" s="1"/>
      <c r="R42" s="1"/>
      <c r="S42" s="66" t="s">
        <v>27</v>
      </c>
      <c r="T42" s="67"/>
      <c r="U42" s="67"/>
      <c r="V42" s="67"/>
      <c r="W42" s="67"/>
      <c r="X42" s="67"/>
      <c r="Y42" s="67"/>
      <c r="Z42" s="67"/>
      <c r="AA42" s="1"/>
    </row>
  </sheetData>
  <mergeCells count="102">
    <mergeCell ref="B41:C41"/>
    <mergeCell ref="S41:T41"/>
    <mergeCell ref="U41:Z41"/>
    <mergeCell ref="S42:Z42"/>
    <mergeCell ref="B14:Z14"/>
    <mergeCell ref="J15:N15"/>
    <mergeCell ref="O15:R15"/>
    <mergeCell ref="S15:U15"/>
    <mergeCell ref="V15:Z15"/>
    <mergeCell ref="R4:V5"/>
    <mergeCell ref="W4:Z5"/>
    <mergeCell ref="R6:V7"/>
    <mergeCell ref="W6:Z7"/>
    <mergeCell ref="R8:V9"/>
    <mergeCell ref="W8:Z9"/>
    <mergeCell ref="W10:Z11"/>
    <mergeCell ref="H11:I11"/>
    <mergeCell ref="H13:I13"/>
    <mergeCell ref="B4:D5"/>
    <mergeCell ref="B6:D7"/>
    <mergeCell ref="H7:I7"/>
    <mergeCell ref="B8:D9"/>
    <mergeCell ref="H9:I9"/>
    <mergeCell ref="B10:D11"/>
    <mergeCell ref="B12:D13"/>
    <mergeCell ref="N3:Q3"/>
    <mergeCell ref="N4:Q5"/>
    <mergeCell ref="N6:Q7"/>
    <mergeCell ref="N8:Q9"/>
    <mergeCell ref="N10:Q11"/>
    <mergeCell ref="N12:Q13"/>
    <mergeCell ref="B1:Z1"/>
    <mergeCell ref="B2:Z2"/>
    <mergeCell ref="B3:D3"/>
    <mergeCell ref="E3:M3"/>
    <mergeCell ref="R3:V3"/>
    <mergeCell ref="W3:Z3"/>
    <mergeCell ref="H5:I5"/>
    <mergeCell ref="R10:V11"/>
    <mergeCell ref="R12:V13"/>
    <mergeCell ref="W12:Z13"/>
    <mergeCell ref="B36:I36"/>
    <mergeCell ref="W36:Z36"/>
    <mergeCell ref="J36:N37"/>
    <mergeCell ref="O36:R37"/>
    <mergeCell ref="V37:Z37"/>
    <mergeCell ref="J38:N39"/>
    <mergeCell ref="O38:R39"/>
    <mergeCell ref="W38:Z38"/>
    <mergeCell ref="V39:Z39"/>
    <mergeCell ref="B38:I38"/>
    <mergeCell ref="J32:N33"/>
    <mergeCell ref="O32:R33"/>
    <mergeCell ref="W32:Z32"/>
    <mergeCell ref="V33:Z33"/>
    <mergeCell ref="B32:I32"/>
    <mergeCell ref="B34:I34"/>
    <mergeCell ref="J34:N35"/>
    <mergeCell ref="O34:R35"/>
    <mergeCell ref="W34:Z34"/>
    <mergeCell ref="V35:Z35"/>
    <mergeCell ref="B28:I28"/>
    <mergeCell ref="J28:N29"/>
    <mergeCell ref="O28:R29"/>
    <mergeCell ref="W28:Z28"/>
    <mergeCell ref="V29:Z29"/>
    <mergeCell ref="B30:I30"/>
    <mergeCell ref="W30:Z30"/>
    <mergeCell ref="J30:N31"/>
    <mergeCell ref="O30:R31"/>
    <mergeCell ref="V31:Z31"/>
    <mergeCell ref="B24:I24"/>
    <mergeCell ref="W24:Z24"/>
    <mergeCell ref="J24:N25"/>
    <mergeCell ref="O24:R25"/>
    <mergeCell ref="V25:Z25"/>
    <mergeCell ref="J26:N27"/>
    <mergeCell ref="O26:R27"/>
    <mergeCell ref="W26:Z26"/>
    <mergeCell ref="V27:Z27"/>
    <mergeCell ref="B26:I26"/>
    <mergeCell ref="J20:N21"/>
    <mergeCell ref="O20:R21"/>
    <mergeCell ref="W20:Z20"/>
    <mergeCell ref="V21:Z21"/>
    <mergeCell ref="B20:I20"/>
    <mergeCell ref="B22:I22"/>
    <mergeCell ref="J22:N23"/>
    <mergeCell ref="O22:R23"/>
    <mergeCell ref="W22:Z22"/>
    <mergeCell ref="V23:Z23"/>
    <mergeCell ref="B15:I15"/>
    <mergeCell ref="B16:I16"/>
    <mergeCell ref="J16:N17"/>
    <mergeCell ref="O16:R17"/>
    <mergeCell ref="W16:Z16"/>
    <mergeCell ref="V17:Z17"/>
    <mergeCell ref="B18:I18"/>
    <mergeCell ref="W18:Z18"/>
    <mergeCell ref="J18:N19"/>
    <mergeCell ref="O18:R19"/>
    <mergeCell ref="V19:Z19"/>
  </mergeCells>
  <phoneticPr fontId="6"/>
  <pageMargins left="0.59055118110236227" right="0.47244094488188981" top="0.78740157480314965" bottom="0.55118110236220474" header="0" footer="0"/>
  <pageSetup paperSize="9" scale="9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(A4　継続紙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市川　優也</cp:lastModifiedBy>
  <dcterms:modified xsi:type="dcterms:W3CDTF">2025-12-22T08:06:11Z</dcterms:modified>
</cp:coreProperties>
</file>